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4963C8F" w14:textId="629DF883" w:rsidR="003B2453" w:rsidRPr="003B2453" w:rsidRDefault="003B2453" w:rsidP="003B2453">
      <w:pPr>
        <w:jc w:val="center"/>
        <w:rPr>
          <w:color w:val="4472C4" w:themeColor="accent1"/>
          <w:sz w:val="32"/>
        </w:rPr>
      </w:pPr>
      <w:r w:rsidRPr="003B2453">
        <w:rPr>
          <w:color w:val="4472C4" w:themeColor="accent1"/>
          <w:sz w:val="32"/>
        </w:rPr>
        <w:t>ACR Report Entity SSCUI</w:t>
      </w:r>
    </w:p>
    <w:p w14:paraId="048134B9" w14:textId="4FA5540C" w:rsidR="003B2453" w:rsidRPr="003B2453" w:rsidRDefault="003B2453" w:rsidP="003B2453">
      <w:pPr>
        <w:jc w:val="center"/>
        <w:rPr>
          <w:color w:val="4472C4" w:themeColor="accent1"/>
          <w:sz w:val="24"/>
        </w:rPr>
      </w:pPr>
      <w:r w:rsidRPr="003B2453">
        <w:rPr>
          <w:rFonts w:ascii="Calibri" w:hAnsi="Calibri" w:cs="Calibri"/>
          <w:color w:val="4472C4" w:themeColor="accent1"/>
          <w:sz w:val="24"/>
        </w:rPr>
        <w:t>Setting Up Your Compliance Reporting</w:t>
      </w:r>
    </w:p>
    <w:p w14:paraId="33240AB2" w14:textId="77777777" w:rsidR="003B2453" w:rsidRDefault="003B2453" w:rsidP="00B11C9A"/>
    <w:p w14:paraId="431B3D52" w14:textId="6A8F7F29" w:rsidR="00683770" w:rsidRDefault="00B11C9A" w:rsidP="00B11C9A">
      <w:r>
        <w:rPr>
          <w:rFonts w:hint="eastAsia"/>
        </w:rPr>
        <w:t>Step</w:t>
      </w:r>
      <w:r w:rsidR="008F0A78">
        <w:t xml:space="preserve"> </w:t>
      </w:r>
      <w:r>
        <w:t>1: Access “Manage Your Solution” App under group “Implementation Cockpit”</w:t>
      </w:r>
      <w:r w:rsidR="00F74EA2">
        <w:t xml:space="preserve"> with user </w:t>
      </w:r>
      <w:proofErr w:type="spellStart"/>
      <w:r w:rsidR="00F74EA2">
        <w:t>BPC_Expert</w:t>
      </w:r>
      <w:proofErr w:type="spellEnd"/>
      <w:r w:rsidR="00F74EA2">
        <w:t>.</w:t>
      </w:r>
    </w:p>
    <w:p w14:paraId="6B116C8F" w14:textId="72288508" w:rsidR="00B11C9A" w:rsidRDefault="00B11C9A" w:rsidP="00B11C9A">
      <w:r>
        <w:rPr>
          <w:noProof/>
        </w:rPr>
        <w:drawing>
          <wp:inline distT="0" distB="0" distL="0" distR="0" wp14:anchorId="4791BF50" wp14:editId="3D654C2F">
            <wp:extent cx="1822544" cy="1651085"/>
            <wp:effectExtent l="0" t="0" r="6350" b="635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1822544" cy="1651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2902DDC" w14:textId="3C529E21" w:rsidR="00B11C9A" w:rsidRDefault="00B11C9A" w:rsidP="00B11C9A">
      <w:r>
        <w:t>Step</w:t>
      </w:r>
      <w:r w:rsidR="008F0A78">
        <w:t xml:space="preserve"> </w:t>
      </w:r>
      <w:r>
        <w:t xml:space="preserve">2: </w:t>
      </w:r>
      <w:r w:rsidR="00EE4ABB">
        <w:t>S</w:t>
      </w:r>
      <w:r>
        <w:t>witch country version, e.g. “Malaysia”</w:t>
      </w:r>
      <w:r w:rsidR="008A2641">
        <w:t>.</w:t>
      </w:r>
    </w:p>
    <w:p w14:paraId="5D1CF126" w14:textId="4608DA57" w:rsidR="00B11C9A" w:rsidRDefault="00B11C9A">
      <w:r>
        <w:rPr>
          <w:noProof/>
        </w:rPr>
        <w:drawing>
          <wp:inline distT="0" distB="0" distL="0" distR="0" wp14:anchorId="7C2FAC55" wp14:editId="0A73EC5E">
            <wp:extent cx="5943600" cy="219880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198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1CE9969" w14:textId="24A1B452" w:rsidR="00B11C9A" w:rsidRDefault="00B11C9A">
      <w:r>
        <w:t>Step</w:t>
      </w:r>
      <w:r w:rsidR="008F0A78">
        <w:t xml:space="preserve"> </w:t>
      </w:r>
      <w:r>
        <w:t xml:space="preserve">3: </w:t>
      </w:r>
      <w:bookmarkStart w:id="0" w:name="_Hlk2156566"/>
      <w:r>
        <w:t>Fill Application Area = “Finance” and Sub Application Area = “</w:t>
      </w:r>
      <w:r w:rsidR="008F0A78">
        <w:t>Statutory Reporting</w:t>
      </w:r>
      <w:r>
        <w:t>”</w:t>
      </w:r>
      <w:bookmarkEnd w:id="0"/>
      <w:r w:rsidR="008F0A78">
        <w:t>.</w:t>
      </w:r>
    </w:p>
    <w:p w14:paraId="1BF33D9D" w14:textId="33114615" w:rsidR="00B11C9A" w:rsidRDefault="007A4499">
      <w:r>
        <w:rPr>
          <w:noProof/>
        </w:rPr>
        <w:lastRenderedPageBreak/>
        <w:drawing>
          <wp:inline distT="0" distB="0" distL="0" distR="0" wp14:anchorId="38BA5BC9" wp14:editId="2245C970">
            <wp:extent cx="12140859" cy="267462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12285924" cy="27065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05D1F2" w14:textId="77777777" w:rsidR="00B11C9A" w:rsidRDefault="00B11C9A"/>
    <w:p w14:paraId="2D24B1F0" w14:textId="76E06292" w:rsidR="00B11C9A" w:rsidRDefault="00B11C9A">
      <w:r>
        <w:t>Step</w:t>
      </w:r>
      <w:r w:rsidR="00792B1E">
        <w:t xml:space="preserve"> </w:t>
      </w:r>
      <w:r>
        <w:t xml:space="preserve">4: </w:t>
      </w:r>
      <w:bookmarkStart w:id="1" w:name="_Hlk2156789"/>
      <w:r>
        <w:t>Open configuration for activity “Setting Up Your Compliance Reporting</w:t>
      </w:r>
      <w:bookmarkEnd w:id="1"/>
      <w:r>
        <w:t>”</w:t>
      </w:r>
      <w:r w:rsidR="008A2641">
        <w:t>.</w:t>
      </w:r>
    </w:p>
    <w:p w14:paraId="41EDC164" w14:textId="69CA2C03" w:rsidR="005749C5" w:rsidRDefault="005749C5">
      <w:r>
        <w:rPr>
          <w:noProof/>
        </w:rPr>
        <w:drawing>
          <wp:inline distT="0" distB="0" distL="0" distR="0" wp14:anchorId="0C076ED9" wp14:editId="2F8AB221">
            <wp:extent cx="12161798" cy="4274820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12178575" cy="42807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741A7" w14:textId="19326FEE" w:rsidR="005749C5" w:rsidRDefault="005749C5"/>
    <w:p w14:paraId="3EFCBEB9" w14:textId="77777777" w:rsidR="005749C5" w:rsidRDefault="005749C5"/>
    <w:p w14:paraId="4CEAF5D0" w14:textId="5F5DE1FC" w:rsidR="00B11C9A" w:rsidRDefault="00B11C9A">
      <w:bookmarkStart w:id="2" w:name="_Hlk2156826"/>
      <w:r>
        <w:lastRenderedPageBreak/>
        <w:t>Step</w:t>
      </w:r>
      <w:r w:rsidR="003A2044">
        <w:t xml:space="preserve"> </w:t>
      </w:r>
      <w:r>
        <w:t>5</w:t>
      </w:r>
      <w:r w:rsidR="003A2044">
        <w:t>:</w:t>
      </w:r>
      <w:r>
        <w:t xml:space="preserve"> Make configuration change in this WEBGUI SSCUI.</w:t>
      </w:r>
      <w:bookmarkEnd w:id="2"/>
    </w:p>
    <w:p w14:paraId="2E41C4FF" w14:textId="47016DC1" w:rsidR="00B11C9A" w:rsidRDefault="00691D6F">
      <w:r>
        <w:rPr>
          <w:noProof/>
        </w:rPr>
        <w:drawing>
          <wp:inline distT="0" distB="0" distL="0" distR="0" wp14:anchorId="2BC476F3" wp14:editId="0546FB2E">
            <wp:extent cx="5943600" cy="3335756"/>
            <wp:effectExtent l="0" t="0" r="0" b="0"/>
            <wp:docPr id="3" name="Picture 3" descr="C:\Users\i339122\AppData\Local\Temp\SNAGHTML4dfea5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9122\AppData\Local\Temp\SNAGHTML4dfea5e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357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3" w:name="_GoBack"/>
      <w:bookmarkEnd w:id="3"/>
    </w:p>
    <w:sectPr w:rsidR="00B11C9A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FD3B063" w14:textId="77777777" w:rsidR="00922DF2" w:rsidRDefault="00922DF2" w:rsidP="008F0A78">
      <w:pPr>
        <w:spacing w:after="0" w:line="240" w:lineRule="auto"/>
      </w:pPr>
      <w:r>
        <w:separator/>
      </w:r>
    </w:p>
  </w:endnote>
  <w:endnote w:type="continuationSeparator" w:id="0">
    <w:p w14:paraId="68C65792" w14:textId="77777777" w:rsidR="00922DF2" w:rsidRDefault="00922DF2" w:rsidP="008F0A7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5324FA1E" w14:textId="77777777" w:rsidR="00922DF2" w:rsidRDefault="00922DF2" w:rsidP="008F0A78">
      <w:pPr>
        <w:spacing w:after="0" w:line="240" w:lineRule="auto"/>
      </w:pPr>
      <w:r>
        <w:separator/>
      </w:r>
    </w:p>
  </w:footnote>
  <w:footnote w:type="continuationSeparator" w:id="0">
    <w:p w14:paraId="1E8501CF" w14:textId="77777777" w:rsidR="00922DF2" w:rsidRDefault="00922DF2" w:rsidP="008F0A78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31A0B0B"/>
    <w:multiLevelType w:val="hybridMultilevel"/>
    <w:tmpl w:val="12386E3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proofState w:spelling="clean" w:grammar="clean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C7BFD"/>
    <w:rsid w:val="000C7BFD"/>
    <w:rsid w:val="003A2044"/>
    <w:rsid w:val="003B2453"/>
    <w:rsid w:val="005749C5"/>
    <w:rsid w:val="006303BD"/>
    <w:rsid w:val="00683770"/>
    <w:rsid w:val="00691D6F"/>
    <w:rsid w:val="00792B1E"/>
    <w:rsid w:val="007A4499"/>
    <w:rsid w:val="008A2641"/>
    <w:rsid w:val="008F0A78"/>
    <w:rsid w:val="00922DF2"/>
    <w:rsid w:val="00B11C9A"/>
    <w:rsid w:val="00EE4ABB"/>
    <w:rsid w:val="00F74E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70A577DA"/>
  <w15:chartTrackingRefBased/>
  <w15:docId w15:val="{C3765A19-97DE-4DDB-B101-90E85F8C87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11C9A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691D6F"/>
    <w:pPr>
      <w:tabs>
        <w:tab w:val="center" w:pos="4320"/>
        <w:tab w:val="right" w:pos="864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691D6F"/>
  </w:style>
  <w:style w:type="paragraph" w:styleId="Footer">
    <w:name w:val="footer"/>
    <w:basedOn w:val="Normal"/>
    <w:link w:val="FooterChar"/>
    <w:uiPriority w:val="99"/>
    <w:unhideWhenUsed/>
    <w:rsid w:val="00691D6F"/>
    <w:pPr>
      <w:tabs>
        <w:tab w:val="center" w:pos="4320"/>
        <w:tab w:val="right" w:pos="864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691D6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67</Words>
  <Characters>386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5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u, Sunshine</dc:creator>
  <cp:keywords/>
  <dc:description/>
  <cp:lastModifiedBy>Zhang, Emma</cp:lastModifiedBy>
  <cp:revision>2</cp:revision>
  <dcterms:created xsi:type="dcterms:W3CDTF">2019-05-15T07:17:00Z</dcterms:created>
  <dcterms:modified xsi:type="dcterms:W3CDTF">2019-05-15T07:17:00Z</dcterms:modified>
</cp:coreProperties>
</file>